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ss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Lettertype, Graphics, logo, Elektrisch blauw&#10;&#10;Automatisch gegenereerde beschrijving">
            <a:extLst>
              <a:ext uri="{FF2B5EF4-FFF2-40B4-BE49-F238E27FC236}">
                <a16:creationId xmlns:a16="http://schemas.microsoft.com/office/drawing/2014/main" id="{BDBF66A6-6B5C-496A-0A80-0EB65767446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06022"/>
            <a:ext cx="2508730"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Lettertype, Graphics, logo, Elektrisch blauw&#10;&#10;Automatisch gegenereerde beschrijving">
            <a:extLst>
              <a:ext uri="{FF2B5EF4-FFF2-40B4-BE49-F238E27FC236}">
                <a16:creationId xmlns:a16="http://schemas.microsoft.com/office/drawing/2014/main" id="{7FAD7539-A776-B131-42C4-03C05A5C263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10924" y="4218308"/>
            <a:ext cx="1508601" cy="99567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21T11:14:00Z</dcterms:modified>
</cp:coreProperties>
</file>